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8827"/>
  <workbookPr filterPrivacy="1"/>
  <xr:revisionPtr revIDLastSave="0" documentId="8_{A0CCE284-499C-4E3E-B124-B0C3ACA3A2EE}" xr6:coauthVersionLast="47" xr6:coauthVersionMax="47" xr10:uidLastSave="{00000000-0000-0000-0000-000000000000}"/>
  <bookViews>
    <workbookView xWindow="28680" yWindow="1455" windowWidth="29040" windowHeight="15720" xr2:uid="{00000000-000D-0000-FFFF-FFFF00000000}"/>
  </bookViews>
  <sheets>
    <sheet name="Sheet1" sheetId="1" r:id="rId1"/>
  </sheets>
  <calcPr calcId="162913"/>
  <extLst>
    <ext xmlns:x15="http://schemas.microsoft.com/office/spreadsheetml/2010/11/main" uri="{140A7094-0E35-4892-8432-C4D2E57EDEB5}">
      <x15:workbookPr chartTrackingRefBase="1"/>
    </ext>
  </extLst>
</workbook>
</file>

<file path=xl/sharedStrings.xml><?xml version="1.0" encoding="utf-8"?>
<sst xmlns="http://schemas.openxmlformats.org/spreadsheetml/2006/main" count="107" uniqueCount="37">
  <si>
    <t>Matchansvar v 37 F15</t>
  </si>
  <si>
    <t>mån</t>
  </si>
  <si>
    <t>tis</t>
  </si>
  <si>
    <t>ons</t>
  </si>
  <si>
    <t>tor</t>
  </si>
  <si>
    <t>fre</t>
  </si>
  <si>
    <t>lör</t>
  </si>
  <si>
    <t>sön</t>
  </si>
  <si>
    <t>Spelare</t>
  </si>
  <si>
    <t>Astrid</t>
  </si>
  <si>
    <t>Bianca</t>
  </si>
  <si>
    <t>Kerstin</t>
  </si>
  <si>
    <t>Maj</t>
  </si>
  <si>
    <t>Molly</t>
  </si>
  <si>
    <t>Nilia</t>
  </si>
  <si>
    <t>Nora</t>
  </si>
  <si>
    <t>Olivia</t>
  </si>
  <si>
    <t>Selma K</t>
  </si>
  <si>
    <t>Selma P</t>
  </si>
  <si>
    <t>Unni</t>
  </si>
  <si>
    <t>Vilma</t>
  </si>
  <si>
    <t>Alla spelare</t>
  </si>
  <si>
    <t xml:space="preserve">Svenska cupen </t>
  </si>
  <si>
    <t>Räppe - Öster</t>
  </si>
  <si>
    <t>Kiosk: Kerstin / Maj</t>
  </si>
  <si>
    <t>Kiosk: Molly / Nilia</t>
  </si>
  <si>
    <t>Grill: Vilma / Selma P</t>
  </si>
  <si>
    <t>A-lag Herr</t>
  </si>
  <si>
    <t>Ungdom</t>
  </si>
  <si>
    <t>Kiosk: Molly /Nilia</t>
  </si>
  <si>
    <t>Kiosk: Vilma Selma P</t>
  </si>
  <si>
    <t>Kiosk: Olivia / Selma K</t>
  </si>
  <si>
    <t>Grill: Kerstin / Maj</t>
  </si>
  <si>
    <t>Entré: Olivia / Selma K</t>
  </si>
  <si>
    <t>Entre: Olivia / Selma K</t>
  </si>
  <si>
    <t>A-lag Dam</t>
  </si>
  <si>
    <t>Kiosk: Olivia / Selma K (håll öppet till överlämning till nästa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5" x14ac:knownFonts="1">
    <font>
      <sz val="11"/>
      <color theme="1"/>
      <name val="Arial"/>
      <family val="2"/>
      <scheme val="minor"/>
    </font>
    <font>
      <b/>
      <sz val="11"/>
      <color theme="1"/>
      <name val="Arial"/>
      <family val="2"/>
      <scheme val="minor"/>
    </font>
    <font>
      <sz val="8"/>
      <name val="Arial"/>
      <family val="2"/>
      <scheme val="minor"/>
    </font>
    <font>
      <sz val="10"/>
      <color theme="1"/>
      <name val="Arial"/>
      <family val="2"/>
      <scheme val="minor"/>
    </font>
    <font>
      <b/>
      <sz val="20"/>
      <color rgb="FFFF0000"/>
      <name val="Arial"/>
      <family val="2"/>
      <scheme val="minor"/>
    </font>
  </fonts>
  <fills count="10">
    <fill>
      <patternFill patternType="none"/>
    </fill>
    <fill>
      <patternFill patternType="gray125"/>
    </fill>
    <fill>
      <patternFill patternType="solid">
        <fgColor theme="6"/>
        <bgColor indexed="64"/>
      </patternFill>
    </fill>
    <fill>
      <patternFill patternType="solid">
        <fgColor theme="6" tint="0.79998168889431442"/>
        <bgColor indexed="64"/>
      </patternFill>
    </fill>
    <fill>
      <patternFill patternType="solid">
        <fgColor theme="5" tint="0.59999389629810485"/>
        <bgColor indexed="64"/>
      </patternFill>
    </fill>
    <fill>
      <patternFill patternType="solid">
        <fgColor theme="6" tint="0.39997558519241921"/>
        <bgColor indexed="64"/>
      </patternFill>
    </fill>
    <fill>
      <patternFill patternType="solid">
        <fgColor theme="4" tint="-0.249977111117893"/>
        <bgColor indexed="64"/>
      </patternFill>
    </fill>
    <fill>
      <patternFill patternType="solid">
        <fgColor theme="4"/>
        <bgColor indexed="64"/>
      </patternFill>
    </fill>
    <fill>
      <patternFill patternType="solid">
        <fgColor theme="4" tint="0.39997558519241921"/>
        <bgColor indexed="64"/>
      </patternFill>
    </fill>
    <fill>
      <patternFill patternType="solid">
        <fgColor theme="7"/>
        <bgColor indexed="64"/>
      </patternFill>
    </fill>
  </fills>
  <borders count="24">
    <border>
      <left/>
      <right/>
      <top/>
      <bottom/>
      <diagonal/>
    </border>
    <border>
      <left style="medium">
        <color indexed="64"/>
      </left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 style="medium">
        <color indexed="64"/>
      </right>
      <top/>
      <bottom/>
      <diagonal/>
    </border>
    <border>
      <left style="medium">
        <color indexed="64"/>
      </left>
      <right/>
      <top style="medium">
        <color indexed="64"/>
      </top>
      <bottom/>
      <diagonal/>
    </border>
    <border>
      <left style="medium">
        <color indexed="64"/>
      </left>
      <right/>
      <top/>
      <bottom/>
      <diagonal/>
    </border>
    <border>
      <left style="medium">
        <color indexed="64"/>
      </left>
      <right/>
      <top/>
      <bottom style="medium">
        <color indexed="64"/>
      </bottom>
      <diagonal/>
    </border>
    <border>
      <left/>
      <right/>
      <top style="medium">
        <color indexed="64"/>
      </top>
      <bottom/>
      <diagonal/>
    </border>
    <border>
      <left/>
      <right style="medium">
        <color indexed="64"/>
      </right>
      <top/>
      <bottom/>
      <diagonal/>
    </border>
    <border>
      <left/>
      <right/>
      <top/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/>
      <diagonal/>
    </border>
    <border>
      <left/>
      <right/>
      <top style="thin">
        <color indexed="64"/>
      </top>
      <bottom/>
      <diagonal/>
    </border>
    <border>
      <left style="medium">
        <color indexed="64"/>
      </left>
      <right style="medium">
        <color indexed="64"/>
      </right>
      <top style="thin">
        <color indexed="64"/>
      </top>
      <bottom/>
      <diagonal/>
    </border>
    <border>
      <left/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/>
      <top/>
      <bottom/>
      <diagonal/>
    </border>
    <border>
      <left/>
      <right style="thin">
        <color indexed="64"/>
      </right>
      <top/>
      <bottom/>
      <diagonal/>
    </border>
    <border>
      <left/>
      <right style="thin">
        <color indexed="64"/>
      </right>
      <top style="medium">
        <color indexed="64"/>
      </top>
      <bottom/>
      <diagonal/>
    </border>
    <border>
      <left/>
      <right style="thin">
        <color indexed="64"/>
      </right>
      <top/>
      <bottom style="medium">
        <color indexed="64"/>
      </bottom>
      <diagonal/>
    </border>
    <border>
      <left style="thin">
        <color indexed="64"/>
      </left>
      <right/>
      <top/>
      <bottom style="thin">
        <color indexed="64"/>
      </bottom>
      <diagonal/>
    </border>
    <border>
      <left style="medium">
        <color indexed="64"/>
      </left>
      <right style="medium">
        <color indexed="64"/>
      </right>
      <top/>
      <bottom style="thin">
        <color indexed="64"/>
      </bottom>
      <diagonal/>
    </border>
    <border>
      <left/>
      <right/>
      <top/>
      <bottom style="thin">
        <color indexed="64"/>
      </bottom>
      <diagonal/>
    </border>
    <border>
      <left style="medium">
        <color indexed="64"/>
      </left>
      <right/>
      <top/>
      <bottom style="thin">
        <color indexed="64"/>
      </bottom>
      <diagonal/>
    </border>
    <border>
      <left/>
      <right style="medium">
        <color indexed="64"/>
      </right>
      <top/>
      <bottom style="thin">
        <color indexed="64"/>
      </bottom>
      <diagonal/>
    </border>
    <border>
      <left/>
      <right style="thin">
        <color indexed="64"/>
      </right>
      <top/>
      <bottom style="thin">
        <color indexed="64"/>
      </bottom>
      <diagonal/>
    </border>
  </borders>
  <cellStyleXfs count="1">
    <xf numFmtId="0" fontId="0" fillId="0" borderId="0"/>
  </cellStyleXfs>
  <cellXfs count="47">
    <xf numFmtId="0" fontId="0" fillId="0" borderId="0" xfId="0"/>
    <xf numFmtId="0" fontId="1" fillId="0" borderId="0" xfId="0" applyFont="1"/>
    <xf numFmtId="0" fontId="0" fillId="3" borderId="0" xfId="0" applyFill="1"/>
    <xf numFmtId="0" fontId="0" fillId="4" borderId="0" xfId="0" applyFill="1"/>
    <xf numFmtId="0" fontId="3" fillId="2" borderId="1" xfId="0" applyFont="1" applyFill="1" applyBorder="1" applyAlignment="1">
      <alignment horizontal="center"/>
    </xf>
    <xf numFmtId="0" fontId="3" fillId="2" borderId="2" xfId="0" applyFont="1" applyFill="1" applyBorder="1" applyAlignment="1">
      <alignment horizontal="center"/>
    </xf>
    <xf numFmtId="0" fontId="0" fillId="2" borderId="2" xfId="0" applyFill="1" applyBorder="1"/>
    <xf numFmtId="0" fontId="0" fillId="7" borderId="3" xfId="0" applyFill="1" applyBorder="1"/>
    <xf numFmtId="0" fontId="3" fillId="5" borderId="4" xfId="0" applyFont="1" applyFill="1" applyBorder="1" applyAlignment="1">
      <alignment horizontal="center"/>
    </xf>
    <xf numFmtId="0" fontId="3" fillId="5" borderId="5" xfId="0" applyFont="1" applyFill="1" applyBorder="1" applyAlignment="1">
      <alignment horizontal="center"/>
    </xf>
    <xf numFmtId="0" fontId="0" fillId="6" borderId="3" xfId="0" applyFill="1" applyBorder="1"/>
    <xf numFmtId="0" fontId="0" fillId="6" borderId="6" xfId="0" applyFill="1" applyBorder="1"/>
    <xf numFmtId="0" fontId="3" fillId="2" borderId="4" xfId="0" applyFont="1" applyFill="1" applyBorder="1"/>
    <xf numFmtId="0" fontId="3" fillId="2" borderId="0" xfId="0" applyFont="1" applyFill="1" applyBorder="1"/>
    <xf numFmtId="0" fontId="3" fillId="2" borderId="7" xfId="0" applyFont="1" applyFill="1" applyBorder="1"/>
    <xf numFmtId="0" fontId="3" fillId="2" borderId="5" xfId="0" applyFont="1" applyFill="1" applyBorder="1"/>
    <xf numFmtId="0" fontId="3" fillId="2" borderId="8" xfId="0" applyFont="1" applyFill="1" applyBorder="1"/>
    <xf numFmtId="0" fontId="3" fillId="5" borderId="2" xfId="0" applyFont="1" applyFill="1" applyBorder="1"/>
    <xf numFmtId="0" fontId="3" fillId="5" borderId="4" xfId="0" applyFont="1" applyFill="1" applyBorder="1"/>
    <xf numFmtId="0" fontId="3" fillId="5" borderId="5" xfId="0" applyFont="1" applyFill="1" applyBorder="1"/>
    <xf numFmtId="0" fontId="0" fillId="6" borderId="3" xfId="0" applyFont="1" applyFill="1" applyBorder="1" applyAlignment="1">
      <alignment wrapText="1"/>
    </xf>
    <xf numFmtId="0" fontId="1" fillId="0" borderId="9" xfId="0" applyFont="1" applyBorder="1" applyAlignment="1">
      <alignment horizontal="center"/>
    </xf>
    <xf numFmtId="0" fontId="1" fillId="0" borderId="9" xfId="0" applyFont="1" applyBorder="1" applyAlignment="1">
      <alignment horizontal="center"/>
    </xf>
    <xf numFmtId="16" fontId="1" fillId="0" borderId="9" xfId="0" applyNumberFormat="1" applyFont="1" applyBorder="1" applyAlignment="1">
      <alignment horizontal="center"/>
    </xf>
    <xf numFmtId="16" fontId="1" fillId="0" borderId="9" xfId="0" applyNumberFormat="1" applyFont="1" applyBorder="1" applyAlignment="1">
      <alignment horizontal="center"/>
    </xf>
    <xf numFmtId="20" fontId="0" fillId="0" borderId="9" xfId="0" applyNumberFormat="1" applyBorder="1"/>
    <xf numFmtId="0" fontId="0" fillId="9" borderId="10" xfId="0" applyFill="1" applyBorder="1"/>
    <xf numFmtId="0" fontId="0" fillId="9" borderId="11" xfId="0" applyFill="1" applyBorder="1"/>
    <xf numFmtId="0" fontId="0" fillId="8" borderId="12" xfId="0" applyFill="1" applyBorder="1"/>
    <xf numFmtId="0" fontId="0" fillId="9" borderId="13" xfId="0" applyFill="1" applyBorder="1"/>
    <xf numFmtId="0" fontId="0" fillId="9" borderId="14" xfId="0" applyFill="1" applyBorder="1"/>
    <xf numFmtId="0" fontId="0" fillId="9" borderId="0" xfId="0" applyFill="1" applyBorder="1"/>
    <xf numFmtId="0" fontId="0" fillId="9" borderId="15" xfId="0" applyFill="1" applyBorder="1"/>
    <xf numFmtId="0" fontId="0" fillId="0" borderId="0" xfId="0" applyBorder="1"/>
    <xf numFmtId="0" fontId="0" fillId="0" borderId="15" xfId="0" applyBorder="1"/>
    <xf numFmtId="0" fontId="0" fillId="6" borderId="16" xfId="0" applyFill="1" applyBorder="1"/>
    <xf numFmtId="0" fontId="3" fillId="2" borderId="15" xfId="0" applyFont="1" applyFill="1" applyBorder="1"/>
    <xf numFmtId="0" fontId="3" fillId="2" borderId="17" xfId="0" applyFont="1" applyFill="1" applyBorder="1"/>
    <xf numFmtId="0" fontId="3" fillId="9" borderId="0" xfId="0" applyFont="1" applyFill="1" applyBorder="1" applyAlignment="1">
      <alignment horizontal="center"/>
    </xf>
    <xf numFmtId="0" fontId="0" fillId="9" borderId="18" xfId="0" applyFill="1" applyBorder="1"/>
    <xf numFmtId="0" fontId="0" fillId="2" borderId="19" xfId="0" applyFill="1" applyBorder="1"/>
    <xf numFmtId="0" fontId="0" fillId="9" borderId="20" xfId="0" applyFill="1" applyBorder="1"/>
    <xf numFmtId="0" fontId="3" fillId="2" borderId="21" xfId="0" applyFont="1" applyFill="1" applyBorder="1"/>
    <xf numFmtId="0" fontId="3" fillId="2" borderId="20" xfId="0" applyFont="1" applyFill="1" applyBorder="1"/>
    <xf numFmtId="0" fontId="3" fillId="2" borderId="22" xfId="0" applyFont="1" applyFill="1" applyBorder="1"/>
    <xf numFmtId="0" fontId="0" fillId="9" borderId="23" xfId="0" applyFill="1" applyBorder="1"/>
    <xf numFmtId="0" fontId="4" fillId="0" borderId="0" xfId="0" applyFont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Test-02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Test-02" id="{421CB5F3-9CDF-6C49-89EA-09C3BD698FF9}" vid="{47909084-A976-1B4E-8CDB-6BE497B8DB8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1:P27"/>
  <sheetViews>
    <sheetView tabSelected="1" workbookViewId="0">
      <selection activeCell="E36" sqref="E36"/>
    </sheetView>
  </sheetViews>
  <sheetFormatPr defaultRowHeight="14.25" x14ac:dyDescent="0.2"/>
  <cols>
    <col min="3" max="3" width="13.875" customWidth="1"/>
    <col min="5" max="5" width="15.875" customWidth="1"/>
    <col min="6" max="6" width="15.125" customWidth="1"/>
    <col min="7" max="7" width="16.875" customWidth="1"/>
    <col min="8" max="8" width="18.5" customWidth="1"/>
    <col min="9" max="9" width="19" customWidth="1"/>
    <col min="10" max="10" width="20.125" customWidth="1"/>
    <col min="11" max="11" width="15.5" customWidth="1"/>
    <col min="12" max="12" width="19.25" customWidth="1"/>
  </cols>
  <sheetData>
    <row r="1" spans="1:16" ht="26.25" x14ac:dyDescent="0.4">
      <c r="A1" s="46" t="s">
        <v>0</v>
      </c>
    </row>
    <row r="3" spans="1:16" ht="15" x14ac:dyDescent="0.25">
      <c r="B3" s="21" t="s">
        <v>1</v>
      </c>
      <c r="C3" s="21" t="s">
        <v>2</v>
      </c>
      <c r="D3" s="21" t="s">
        <v>3</v>
      </c>
      <c r="E3" s="21" t="s">
        <v>4</v>
      </c>
      <c r="F3" s="22" t="s">
        <v>5</v>
      </c>
      <c r="G3" s="22"/>
      <c r="H3" s="22"/>
      <c r="I3" s="21" t="s">
        <v>6</v>
      </c>
      <c r="J3" s="22" t="s">
        <v>7</v>
      </c>
      <c r="K3" s="22"/>
      <c r="L3" s="22"/>
    </row>
    <row r="4" spans="1:16" ht="15" x14ac:dyDescent="0.25">
      <c r="B4" s="23">
        <v>45908</v>
      </c>
      <c r="C4" s="23">
        <v>45909</v>
      </c>
      <c r="D4" s="23">
        <v>45910</v>
      </c>
      <c r="E4" s="23">
        <v>45911</v>
      </c>
      <c r="F4" s="24">
        <v>45912</v>
      </c>
      <c r="G4" s="24"/>
      <c r="H4" s="22"/>
      <c r="I4" s="23">
        <v>45913</v>
      </c>
      <c r="J4" s="24">
        <v>45914</v>
      </c>
      <c r="K4" s="22"/>
      <c r="L4" s="22"/>
      <c r="O4" s="1" t="s">
        <v>8</v>
      </c>
    </row>
    <row r="5" spans="1:16" x14ac:dyDescent="0.2">
      <c r="A5" s="25">
        <v>0.41666666666666669</v>
      </c>
      <c r="B5" s="26"/>
      <c r="C5" s="27"/>
      <c r="D5" s="27"/>
      <c r="E5" s="27"/>
      <c r="F5" s="27"/>
      <c r="G5" s="27"/>
      <c r="H5" s="27"/>
      <c r="I5" s="28" t="s">
        <v>28</v>
      </c>
      <c r="J5" s="28" t="s">
        <v>28</v>
      </c>
      <c r="K5" s="27"/>
      <c r="L5" s="29"/>
      <c r="O5" s="2" t="s">
        <v>9</v>
      </c>
      <c r="P5">
        <v>0</v>
      </c>
    </row>
    <row r="6" spans="1:16" x14ac:dyDescent="0.2">
      <c r="A6" s="25">
        <v>0.4375</v>
      </c>
      <c r="B6" s="30"/>
      <c r="C6" s="31"/>
      <c r="D6" s="31"/>
      <c r="E6" s="31"/>
      <c r="F6" s="31"/>
      <c r="G6" s="31"/>
      <c r="H6" s="31"/>
      <c r="I6" s="17" t="s">
        <v>29</v>
      </c>
      <c r="J6" s="17" t="s">
        <v>24</v>
      </c>
      <c r="K6" s="31"/>
      <c r="L6" s="32"/>
      <c r="O6" s="2" t="s">
        <v>10</v>
      </c>
      <c r="P6">
        <v>0</v>
      </c>
    </row>
    <row r="7" spans="1:16" x14ac:dyDescent="0.2">
      <c r="A7" s="25">
        <v>0.45833333333333331</v>
      </c>
      <c r="B7" s="30"/>
      <c r="C7" s="31"/>
      <c r="D7" s="31"/>
      <c r="E7" s="31"/>
      <c r="F7" s="31"/>
      <c r="G7" s="31"/>
      <c r="H7" s="31"/>
      <c r="I7" s="17" t="s">
        <v>29</v>
      </c>
      <c r="J7" s="17" t="s">
        <v>24</v>
      </c>
      <c r="K7" s="31"/>
      <c r="L7" s="32"/>
      <c r="O7" s="3" t="s">
        <v>11</v>
      </c>
      <c r="P7">
        <v>3</v>
      </c>
    </row>
    <row r="8" spans="1:16" x14ac:dyDescent="0.2">
      <c r="A8" s="25">
        <v>0.47916666666666669</v>
      </c>
      <c r="B8" s="30"/>
      <c r="C8" s="31"/>
      <c r="D8" s="31"/>
      <c r="E8" s="31"/>
      <c r="F8" s="31"/>
      <c r="G8" s="31"/>
      <c r="H8" s="31"/>
      <c r="I8" s="17" t="s">
        <v>29</v>
      </c>
      <c r="J8" s="17" t="s">
        <v>24</v>
      </c>
      <c r="K8" s="31"/>
      <c r="L8" s="32"/>
      <c r="O8" s="3" t="s">
        <v>12</v>
      </c>
      <c r="P8">
        <v>3</v>
      </c>
    </row>
    <row r="9" spans="1:16" x14ac:dyDescent="0.2">
      <c r="A9" s="25">
        <v>0.5</v>
      </c>
      <c r="B9" s="30"/>
      <c r="C9" s="31"/>
      <c r="D9" s="31"/>
      <c r="E9" s="31"/>
      <c r="F9" s="31"/>
      <c r="G9" s="31"/>
      <c r="H9" s="31"/>
      <c r="I9" s="17" t="s">
        <v>29</v>
      </c>
      <c r="J9" s="17" t="s">
        <v>24</v>
      </c>
      <c r="K9" s="31"/>
      <c r="L9" s="32"/>
      <c r="O9" s="3" t="s">
        <v>13</v>
      </c>
      <c r="P9">
        <v>3</v>
      </c>
    </row>
    <row r="10" spans="1:16" x14ac:dyDescent="0.2">
      <c r="A10" s="25">
        <v>0.52083333333333404</v>
      </c>
      <c r="B10" s="30"/>
      <c r="C10" s="31"/>
      <c r="D10" s="31"/>
      <c r="E10" s="31"/>
      <c r="F10" s="31"/>
      <c r="G10" s="31"/>
      <c r="H10" s="31"/>
      <c r="I10" s="17" t="s">
        <v>29</v>
      </c>
      <c r="J10" s="17" t="s">
        <v>24</v>
      </c>
      <c r="K10" s="31"/>
      <c r="L10" s="32"/>
      <c r="O10" s="3" t="s">
        <v>14</v>
      </c>
      <c r="P10">
        <v>3</v>
      </c>
    </row>
    <row r="11" spans="1:16" x14ac:dyDescent="0.2">
      <c r="A11" s="25">
        <v>0.54166666666666696</v>
      </c>
      <c r="B11" s="30"/>
      <c r="C11" s="31"/>
      <c r="D11" s="31"/>
      <c r="E11" s="31"/>
      <c r="F11" s="31"/>
      <c r="G11" s="31"/>
      <c r="H11" s="31"/>
      <c r="I11" s="17" t="s">
        <v>29</v>
      </c>
      <c r="J11" s="17" t="s">
        <v>24</v>
      </c>
      <c r="K11" s="31"/>
      <c r="L11" s="32"/>
      <c r="O11" s="2" t="s">
        <v>15</v>
      </c>
      <c r="P11">
        <v>0</v>
      </c>
    </row>
    <row r="12" spans="1:16" x14ac:dyDescent="0.2">
      <c r="A12" s="25">
        <v>0.5625</v>
      </c>
      <c r="B12" s="30"/>
      <c r="C12" s="31"/>
      <c r="D12" s="31"/>
      <c r="E12" s="31"/>
      <c r="F12" s="31"/>
      <c r="G12" s="31"/>
      <c r="H12" s="31"/>
      <c r="I12" s="17" t="s">
        <v>29</v>
      </c>
      <c r="J12" s="17" t="s">
        <v>31</v>
      </c>
      <c r="K12" s="31"/>
      <c r="L12" s="32"/>
      <c r="O12" s="3" t="s">
        <v>16</v>
      </c>
      <c r="P12">
        <v>3</v>
      </c>
    </row>
    <row r="13" spans="1:16" x14ac:dyDescent="0.2">
      <c r="A13" s="25">
        <v>0.58333333333333404</v>
      </c>
      <c r="B13" s="30"/>
      <c r="C13" s="31"/>
      <c r="D13" s="31"/>
      <c r="E13" s="31"/>
      <c r="F13" s="31"/>
      <c r="G13" s="31"/>
      <c r="H13" s="31"/>
      <c r="I13" s="17" t="s">
        <v>30</v>
      </c>
      <c r="J13" s="17" t="s">
        <v>31</v>
      </c>
      <c r="K13" s="31"/>
      <c r="L13" s="32"/>
      <c r="O13" s="3" t="s">
        <v>17</v>
      </c>
      <c r="P13">
        <v>3</v>
      </c>
    </row>
    <row r="14" spans="1:16" x14ac:dyDescent="0.2">
      <c r="A14" s="25">
        <v>0.60416666666666696</v>
      </c>
      <c r="B14" s="30"/>
      <c r="C14" s="31"/>
      <c r="D14" s="31"/>
      <c r="E14" s="31"/>
      <c r="F14" s="31"/>
      <c r="G14" s="31"/>
      <c r="H14" s="31"/>
      <c r="I14" s="17" t="s">
        <v>30</v>
      </c>
      <c r="J14" s="17" t="s">
        <v>31</v>
      </c>
      <c r="K14" s="31"/>
      <c r="L14" s="32"/>
      <c r="O14" s="3" t="s">
        <v>18</v>
      </c>
      <c r="P14">
        <v>3</v>
      </c>
    </row>
    <row r="15" spans="1:16" ht="15" thickBot="1" x14ac:dyDescent="0.25">
      <c r="A15" s="25">
        <v>0.625</v>
      </c>
      <c r="B15" s="30"/>
      <c r="C15" s="31"/>
      <c r="D15" s="31"/>
      <c r="E15" s="31"/>
      <c r="F15" s="31"/>
      <c r="G15" s="31"/>
      <c r="H15" s="31"/>
      <c r="I15" s="17" t="s">
        <v>30</v>
      </c>
      <c r="J15" s="17" t="s">
        <v>36</v>
      </c>
      <c r="K15" s="33"/>
      <c r="L15" s="34"/>
      <c r="O15" s="2" t="s">
        <v>19</v>
      </c>
      <c r="P15">
        <v>0</v>
      </c>
    </row>
    <row r="16" spans="1:16" x14ac:dyDescent="0.2">
      <c r="A16" s="25">
        <v>0.64583333333333304</v>
      </c>
      <c r="B16" s="30"/>
      <c r="C16" s="31"/>
      <c r="D16" s="31"/>
      <c r="E16" s="31"/>
      <c r="F16" s="31"/>
      <c r="G16" s="31"/>
      <c r="H16" s="31"/>
      <c r="I16" s="18" t="s">
        <v>30</v>
      </c>
      <c r="J16" s="20" t="s">
        <v>35</v>
      </c>
      <c r="K16" s="11" t="s">
        <v>35</v>
      </c>
      <c r="L16" s="35" t="s">
        <v>35</v>
      </c>
      <c r="O16" s="3" t="s">
        <v>20</v>
      </c>
      <c r="P16">
        <v>3</v>
      </c>
    </row>
    <row r="17" spans="1:12" x14ac:dyDescent="0.2">
      <c r="A17" s="25">
        <v>0.66666666666666696</v>
      </c>
      <c r="B17" s="30"/>
      <c r="C17" s="31"/>
      <c r="D17" s="31"/>
      <c r="E17" s="31"/>
      <c r="F17" s="31"/>
      <c r="G17" s="31"/>
      <c r="H17" s="31"/>
      <c r="I17" s="18" t="s">
        <v>30</v>
      </c>
      <c r="J17" s="12" t="s">
        <v>29</v>
      </c>
      <c r="K17" s="13" t="s">
        <v>32</v>
      </c>
      <c r="L17" s="36" t="s">
        <v>33</v>
      </c>
    </row>
    <row r="18" spans="1:12" ht="15" thickBot="1" x14ac:dyDescent="0.25">
      <c r="A18" s="25">
        <v>0.6875</v>
      </c>
      <c r="B18" s="30"/>
      <c r="C18" s="31"/>
      <c r="D18" s="31"/>
      <c r="E18" s="31"/>
      <c r="F18" s="31"/>
      <c r="G18" s="31"/>
      <c r="H18" s="31"/>
      <c r="I18" s="18" t="s">
        <v>30</v>
      </c>
      <c r="J18" s="12" t="s">
        <v>29</v>
      </c>
      <c r="K18" s="13" t="s">
        <v>32</v>
      </c>
      <c r="L18" s="36" t="s">
        <v>33</v>
      </c>
    </row>
    <row r="19" spans="1:12" ht="15" thickBot="1" x14ac:dyDescent="0.25">
      <c r="A19" s="25">
        <v>0.70833333333333304</v>
      </c>
      <c r="B19" s="30"/>
      <c r="C19" s="4" t="s">
        <v>21</v>
      </c>
      <c r="D19" s="31"/>
      <c r="E19" s="31"/>
      <c r="F19" s="10" t="s">
        <v>27</v>
      </c>
      <c r="G19" s="11" t="s">
        <v>27</v>
      </c>
      <c r="H19" s="11" t="s">
        <v>27</v>
      </c>
      <c r="I19" s="19" t="s">
        <v>30</v>
      </c>
      <c r="J19" s="12" t="s">
        <v>29</v>
      </c>
      <c r="K19" s="13" t="s">
        <v>32</v>
      </c>
      <c r="L19" s="36" t="s">
        <v>33</v>
      </c>
    </row>
    <row r="20" spans="1:12" x14ac:dyDescent="0.2">
      <c r="A20" s="25">
        <v>0.72916666666666696</v>
      </c>
      <c r="B20" s="30"/>
      <c r="C20" s="5"/>
      <c r="D20" s="31"/>
      <c r="E20" s="7" t="s">
        <v>28</v>
      </c>
      <c r="F20" s="12" t="s">
        <v>25</v>
      </c>
      <c r="G20" s="13" t="s">
        <v>26</v>
      </c>
      <c r="H20" s="14" t="s">
        <v>34</v>
      </c>
      <c r="I20" s="31"/>
      <c r="J20" s="12" t="s">
        <v>29</v>
      </c>
      <c r="K20" s="13" t="s">
        <v>32</v>
      </c>
      <c r="L20" s="36" t="s">
        <v>33</v>
      </c>
    </row>
    <row r="21" spans="1:12" x14ac:dyDescent="0.2">
      <c r="A21" s="25">
        <v>0.75</v>
      </c>
      <c r="B21" s="30"/>
      <c r="C21" s="5" t="s">
        <v>22</v>
      </c>
      <c r="D21" s="31"/>
      <c r="E21" s="8" t="s">
        <v>24</v>
      </c>
      <c r="F21" s="12" t="s">
        <v>25</v>
      </c>
      <c r="G21" s="13" t="s">
        <v>26</v>
      </c>
      <c r="H21" s="14" t="s">
        <v>34</v>
      </c>
      <c r="I21" s="31"/>
      <c r="J21" s="12" t="s">
        <v>29</v>
      </c>
      <c r="K21" s="13" t="s">
        <v>32</v>
      </c>
      <c r="L21" s="36" t="s">
        <v>33</v>
      </c>
    </row>
    <row r="22" spans="1:12" x14ac:dyDescent="0.2">
      <c r="A22" s="25">
        <v>0.77083333333333304</v>
      </c>
      <c r="B22" s="30"/>
      <c r="C22" s="5" t="s">
        <v>23</v>
      </c>
      <c r="D22" s="31"/>
      <c r="E22" s="8" t="s">
        <v>24</v>
      </c>
      <c r="F22" s="12" t="s">
        <v>25</v>
      </c>
      <c r="G22" s="13" t="s">
        <v>26</v>
      </c>
      <c r="H22" s="14" t="s">
        <v>34</v>
      </c>
      <c r="I22" s="31"/>
      <c r="J22" s="12" t="s">
        <v>29</v>
      </c>
      <c r="K22" s="13" t="s">
        <v>32</v>
      </c>
      <c r="L22" s="36" t="s">
        <v>33</v>
      </c>
    </row>
    <row r="23" spans="1:12" ht="15" thickBot="1" x14ac:dyDescent="0.25">
      <c r="A23" s="25">
        <v>0.79166666666666696</v>
      </c>
      <c r="B23" s="30"/>
      <c r="C23" s="6"/>
      <c r="D23" s="31"/>
      <c r="E23" s="8" t="s">
        <v>24</v>
      </c>
      <c r="F23" s="12" t="s">
        <v>25</v>
      </c>
      <c r="G23" s="13" t="s">
        <v>26</v>
      </c>
      <c r="H23" s="14" t="s">
        <v>34</v>
      </c>
      <c r="I23" s="31"/>
      <c r="J23" s="15" t="s">
        <v>29</v>
      </c>
      <c r="K23" s="16" t="s">
        <v>32</v>
      </c>
      <c r="L23" s="37" t="s">
        <v>33</v>
      </c>
    </row>
    <row r="24" spans="1:12" x14ac:dyDescent="0.2">
      <c r="A24" s="25">
        <v>0.8125</v>
      </c>
      <c r="B24" s="30"/>
      <c r="C24" s="6"/>
      <c r="D24" s="31"/>
      <c r="E24" s="8" t="s">
        <v>24</v>
      </c>
      <c r="F24" s="12" t="s">
        <v>25</v>
      </c>
      <c r="G24" s="13" t="s">
        <v>26</v>
      </c>
      <c r="H24" s="14" t="s">
        <v>34</v>
      </c>
      <c r="I24" s="31"/>
      <c r="J24" s="31"/>
      <c r="K24" s="31"/>
      <c r="L24" s="32"/>
    </row>
    <row r="25" spans="1:12" ht="15" thickBot="1" x14ac:dyDescent="0.25">
      <c r="A25" s="25">
        <v>0.83333333333333304</v>
      </c>
      <c r="B25" s="30"/>
      <c r="C25" s="6"/>
      <c r="D25" s="31"/>
      <c r="E25" s="9" t="s">
        <v>24</v>
      </c>
      <c r="F25" s="12" t="s">
        <v>25</v>
      </c>
      <c r="G25" s="13" t="s">
        <v>26</v>
      </c>
      <c r="H25" s="14" t="s">
        <v>34</v>
      </c>
      <c r="I25" s="31"/>
      <c r="J25" s="31"/>
      <c r="K25" s="31"/>
      <c r="L25" s="32"/>
    </row>
    <row r="26" spans="1:12" x14ac:dyDescent="0.2">
      <c r="A26" s="25">
        <v>0.85416666666666696</v>
      </c>
      <c r="B26" s="30"/>
      <c r="C26" s="6"/>
      <c r="D26" s="31"/>
      <c r="E26" s="38"/>
      <c r="F26" s="12" t="s">
        <v>25</v>
      </c>
      <c r="G26" s="13" t="s">
        <v>26</v>
      </c>
      <c r="H26" s="14" t="s">
        <v>34</v>
      </c>
      <c r="I26" s="31"/>
      <c r="J26" s="31"/>
      <c r="K26" s="31"/>
      <c r="L26" s="32"/>
    </row>
    <row r="27" spans="1:12" x14ac:dyDescent="0.2">
      <c r="A27" s="25">
        <v>0.875</v>
      </c>
      <c r="B27" s="39"/>
      <c r="C27" s="40"/>
      <c r="D27" s="41"/>
      <c r="E27" s="41"/>
      <c r="F27" s="42" t="s">
        <v>25</v>
      </c>
      <c r="G27" s="43" t="s">
        <v>26</v>
      </c>
      <c r="H27" s="44" t="s">
        <v>34</v>
      </c>
      <c r="I27" s="41"/>
      <c r="J27" s="41"/>
      <c r="K27" s="41"/>
      <c r="L27" s="45"/>
    </row>
  </sheetData>
  <mergeCells count="4">
    <mergeCell ref="F3:H3"/>
    <mergeCell ref="F4:H4"/>
    <mergeCell ref="J3:L3"/>
    <mergeCell ref="J4:L4"/>
  </mergeCells>
  <phoneticPr fontId="2" type="noConversion"/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Södra Excel Mall 2022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B7ED46D9-E455-4BA6-8F2A-FE57E51B903F}">
  <ds:schemaRefs/>
</ds:datastoreItem>
</file>

<file path=customXml/itemProps2.xml><?xml version="1.0" encoding="utf-8"?>
<ds:datastoreItem xmlns:ds="http://schemas.openxmlformats.org/officeDocument/2006/customXml" ds:itemID="{20CACD83-90A7-48F6-B981-3216D9ABD984}">
  <ds:schemaRefs/>
</ds:datastoreItem>
</file>

<file path=docMetadata/LabelInfo.xml><?xml version="1.0" encoding="utf-8"?>
<clbl:labelList xmlns:clbl="http://schemas.microsoft.com/office/2020/mipLabelMetadata">
  <clbl:label id="{4fd1c0e0-3cb1-4c2b-8ef8-e36cb310581c}" enabled="0" method="" siteId="{4fd1c0e0-3cb1-4c2b-8ef8-e36cb310581c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Kalkylblad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dcterms:created xsi:type="dcterms:W3CDTF">2025-03-12T08:48:32Z</dcterms:created>
  <dcterms:modified xsi:type="dcterms:W3CDTF">2025-08-01T09:31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odra</vt:lpwstr>
  </property>
  <property fmtid="{D5CDD505-2E9C-101B-9397-08002B2CF9AE}" pid="3" name="TemplafyTemplateId">
    <vt:lpwstr>637989274582377594</vt:lpwstr>
  </property>
  <property fmtid="{D5CDD505-2E9C-101B-9397-08002B2CF9AE}" pid="4" name="TemplafyUserProfileId">
    <vt:lpwstr>637937474862095499</vt:lpwstr>
  </property>
  <property fmtid="{D5CDD505-2E9C-101B-9397-08002B2CF9AE}" pid="5" name="TemplafyLanguageCode">
    <vt:lpwstr>sv-SE</vt:lpwstr>
  </property>
  <property fmtid="{D5CDD505-2E9C-101B-9397-08002B2CF9AE}" pid="6" name="TemplafyFromBlank">
    <vt:bool>true</vt:bool>
  </property>
</Properties>
</file>